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49" r:id="rId4"/>
    <p:sldId id="350" r:id="rId5"/>
    <p:sldId id="351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-384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5806233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5','_parent');" TargetMode="Externa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Barriers to Reporting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What can stop them from reporting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690343"/>
            <a:ext cx="7768867" cy="5284430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There are several reasons that make these numbers lower than what we expected and this is because of many barriers that stop the person from reporting. These are mainly: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Stigma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Shame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Fear of retaliation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Fear of losing assistance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Not knowing how to report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Lack of trust in reporting mechanisms, etc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758537"/>
            <a:ext cx="7768867" cy="5198066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But there are some others that apply to aid workers too. When we talk about safeguarding, we are talking about a misconduct done by a colleague</a:t>
            </a:r>
            <a:r>
              <a:rPr lang="en-US" sz="2800" dirty="0" smtClean="0">
                <a:solidFill>
                  <a:schemeClr val="tx1"/>
                </a:solidFill>
              </a:rPr>
              <a:t>.</a:t>
            </a:r>
          </a:p>
          <a:p>
            <a:endParaRPr lang="en-US" sz="2800" dirty="0">
              <a:solidFill>
                <a:schemeClr val="tx1"/>
              </a:solidFill>
            </a:endParaRPr>
          </a:p>
          <a:p>
            <a:r>
              <a:rPr lang="en-US" sz="2800" dirty="0">
                <a:solidFill>
                  <a:schemeClr val="tx1"/>
                </a:solidFill>
              </a:rPr>
              <a:t>So if you learn about a misconduct done by a colleague you still need to report to protect the victim and the organization.</a:t>
            </a:r>
            <a:endParaRPr lang="en-US" sz="2800" dirty="0">
              <a:solidFill>
                <a:schemeClr val="tx1"/>
              </a:solidFill>
            </a:endParaRPr>
          </a:p>
          <a:p>
            <a:r>
              <a:rPr lang="en-US" sz="2800" dirty="0">
                <a:solidFill>
                  <a:schemeClr val="tx1"/>
                </a:solidFill>
              </a:rPr>
              <a:t/>
            </a:r>
            <a:br>
              <a:rPr lang="en-US" sz="2800" dirty="0">
                <a:solidFill>
                  <a:schemeClr val="tx1"/>
                </a:solidFill>
              </a:rPr>
            </a:br>
            <a:endParaRPr lang="en-US" sz="28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243036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901397"/>
            <a:ext cx="7768867" cy="505520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>
                <a:solidFill>
                  <a:schemeClr val="tx1"/>
                </a:solidFill>
              </a:rPr>
              <a:t>Always refrain from talking to the perpetrator about it, this might increase the risks.</a:t>
            </a:r>
            <a:endParaRPr lang="en-US" sz="32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REEN_RECS_UPDATED" val="C:\Users\pc\Desktop\Nabad\safeguarding\en\lessons\barriers_reporting\"/>
  <p:tag name="ISPRING_RESOURCE_FOLDER" val="C:\Users\pc\Desktop\Nabad\safeguarding\en\lessons\barriers_reporting\"/>
  <p:tag name="ISPRING_PRESENTATION_PATH" val="C:\Users\pc\Desktop\Nabad\safeguarding\en\lessons\barriers_reporting.pptx"/>
  <p:tag name="ISPRING_ULTRA_SCORM_COURCE_TITLE" val="barriers_reporting"/>
  <p:tag name="ISPRING_PRESENTATION_TITLE" val="barriers_reporting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5A1C97C3-B39F-4AC1-979F-0ABBC504667B}:349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83</TotalTime>
  <Words>140</Words>
  <Application>Microsoft Office PowerPoint</Application>
  <PresentationFormat>Widescreen</PresentationFormat>
  <Paragraphs>20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0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rriers_reporting</dc:title>
  <dc:creator>pc</dc:creator>
  <cp:lastModifiedBy>Maher</cp:lastModifiedBy>
  <cp:revision>740</cp:revision>
  <dcterms:created xsi:type="dcterms:W3CDTF">2022-11-16T16:05:09Z</dcterms:created>
  <dcterms:modified xsi:type="dcterms:W3CDTF">2024-09-16T08:25:43Z</dcterms:modified>
</cp:coreProperties>
</file>